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3684A351" w:rsidR="009000CE" w:rsidRDefault="001824DE" w:rsidP="00ED34AE">
                <w:pPr>
                  <w:pStyle w:val="Title"/>
                </w:pPr>
                <w:r>
                  <w:t>&lt;</w:t>
                </w:r>
                <w:r>
                  <w:t xml:space="preserve"> </w:t>
                </w:r>
                <w:r>
                  <w:t>Accident Data User Interface (Placeholder)&gt; 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74ECB7C7" w:rsidR="009000CE" w:rsidRDefault="001824DE">
            <w:pPr>
              <w:pStyle w:val="Heading3"/>
            </w:pPr>
            <w:sdt>
              <w:sdtPr>
                <w:rPr>
                  <w:lang w:val="en-AU" w:eastAsia="en-US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Pr="001824DE">
                  <w:rPr>
                    <w:lang w:val="en-AU" w:eastAsia="en-US"/>
                  </w:rPr>
                  <w:t>Lambert Niyuhire, Cody Perkins, Mitchell Reid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3AAF53B5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3-08-21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1824DE">
                  <w:t>August 21, 20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</w:t>
      </w:r>
      <w:proofErr w:type="gramStart"/>
      <w:r w:rsidR="00ED34AE" w:rsidRPr="00ED34AE">
        <w:rPr>
          <w:color w:val="FF0000"/>
        </w:rPr>
        <w:t>performed</w:t>
      </w:r>
      <w:proofErr w:type="gramEnd"/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</w:t>
      </w:r>
      <w:proofErr w:type="gramStart"/>
      <w:r w:rsidR="00ED34AE" w:rsidRPr="00ED34AE">
        <w:rPr>
          <w:color w:val="FF0000"/>
        </w:rPr>
        <w:t>12 month</w:t>
      </w:r>
      <w:proofErr w:type="gramEnd"/>
      <w:r w:rsidR="00ED34AE"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78DF89A" w14:textId="77777777" w:rsidR="001A49FA" w:rsidRDefault="001A49FA">
      <w:pPr>
        <w:spacing w:after="0" w:line="240" w:lineRule="auto"/>
      </w:pPr>
      <w:r>
        <w:separator/>
      </w:r>
    </w:p>
  </w:endnote>
  <w:endnote w:type="continuationSeparator" w:id="0">
    <w:p w14:paraId="74CA4C9C" w14:textId="77777777" w:rsidR="001A49FA" w:rsidRDefault="001A49F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761A4446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1824DE">
                <w:t>&lt; Accident Data User Interface (Placeholder)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1824D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Lambert Niyuhire, Cody Perkins, Mitchell Reid</w:t>
              </w:r>
            </w:sdtContent>
          </w:sdt>
        </w:p>
      </w:tc>
      <w:tc>
        <w:tcPr>
          <w:tcW w:w="4675" w:type="dxa"/>
        </w:tcPr>
        <w:p w14:paraId="66753B50" w14:textId="273BE399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1824DE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64422430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1824DE">
          <w:t>&lt; Accident Data User Interface (Placeholder)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1824D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Lambert Niyuhire, Cody Perkins, Mitchell Reid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642BC84" w14:textId="77777777" w:rsidR="001A49FA" w:rsidRDefault="001A49FA">
      <w:pPr>
        <w:spacing w:after="0" w:line="240" w:lineRule="auto"/>
      </w:pPr>
      <w:r>
        <w:separator/>
      </w:r>
    </w:p>
  </w:footnote>
  <w:footnote w:type="continuationSeparator" w:id="0">
    <w:p w14:paraId="7F572AD9" w14:textId="77777777" w:rsidR="001A49FA" w:rsidRDefault="001A49FA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2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24DE"/>
    <w:rsid w:val="00184AA9"/>
    <w:rsid w:val="001A49FA"/>
    <w:rsid w:val="002D4235"/>
    <w:rsid w:val="009000CE"/>
    <w:rsid w:val="0097144C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E91B9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s2172046\AppData\Roaming\Microsoft\Templates\Term paper.dotx</Template>
  <TotalTime>27</TotalTime>
  <Pages>4</Pages>
  <Words>135</Words>
  <Characters>771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90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 Accident Data User Interface (Placeholder)&gt; Executive Summary</dc:title>
  <dc:creator>Lambert Niyuhire, Cody Perkins, Mitchell Reid</dc:creator>
  <cp:keywords/>
  <cp:lastModifiedBy>Lambert Niyuhire</cp:lastModifiedBy>
  <cp:revision>6</cp:revision>
  <dcterms:created xsi:type="dcterms:W3CDTF">2017-08-28T03:16:00Z</dcterms:created>
  <dcterms:modified xsi:type="dcterms:W3CDTF">2023-08-21T08:23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